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1955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>
      <p:cViewPr varScale="1">
        <p:scale>
          <a:sx n="109" d="100"/>
          <a:sy n="109" d="100"/>
        </p:scale>
        <p:origin x="612" y="10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CE3015E-5414-4791-87ED-6F1F4CA7FAE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2628C831-CA59-4FA8-9B42-0FE30D9100CC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3634EE0-0BE0-4106-A2E0-9DE155B36CD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8FAD67-EA96-45FC-A058-223DFFC64DE1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2FC5FFB-3FC1-4537-9C9C-193083915D0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ACA88AD-4717-4C64-88E0-3C63A21DFC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3B769D-7334-4E23-A3F0-FE7623B1FB4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9193520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5FF8F65-14EE-4E60-BC06-4AD7E330E0E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AB4992E2-1688-41DF-AD2D-D6E43F1C824C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197E1C0-C520-4BA0-A1EC-448ED249BD6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8FAD67-EA96-45FC-A058-223DFFC64DE1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BC806E2-EFFE-4F3F-9E6D-16C1B5E022C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8B83C85-4466-468C-88AA-825A9DCFBB9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3B769D-7334-4E23-A3F0-FE7623B1FB4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7719314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84E10677-2970-40C6-BE6E-A19787194CFB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DB0E1647-EFB2-40F3-8D5D-E75C3BB891C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7C4CC91-28A6-4966-B123-78B0015388D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8FAD67-EA96-45FC-A058-223DFFC64DE1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332E456-9A05-4751-B88B-EA16C1928F0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213CDDD-5435-4113-9DCB-B500AF0B99C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3B769D-7334-4E23-A3F0-FE7623B1FB4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4000313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7BF88A3-24A9-445F-A1B1-ED5CC622BB2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0D0B13B-558D-4ACA-AA3B-0A6B422C78F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9DC9CBF-74AA-4811-97E7-4EF8B29A5B7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8FAD67-EA96-45FC-A058-223DFFC64DE1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2593DBE-0F2D-4B12-BD2B-9A50449CA78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2A00C98-DBB1-466B-84F9-6765ED45691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3B769D-7334-4E23-A3F0-FE7623B1FB4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8504117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4C93360-2C66-4709-8011-0AD3C30525B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E09DC65-5635-4220-8C9F-242E17DD908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B093D0F-B82C-43FB-83F1-721EBD4B9FE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8FAD67-EA96-45FC-A058-223DFFC64DE1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8DA42DE-2B84-47BC-8592-EDE88DCC431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B52B38A-A9DF-427C-89BF-134EFCD12BC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3B769D-7334-4E23-A3F0-FE7623B1FB4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5559344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8D85711-8E57-4212-8251-777D515C90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8EF7A44-D9E5-45DA-B0FA-466816D6D0D0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80B3CF7E-6548-4EFD-950C-F493DC19686C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A57578B-5F8E-44D2-B5A8-0E09A8396B5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8FAD67-EA96-45FC-A058-223DFFC64DE1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0FF3CB6-DA6C-4088-8459-416FBB64367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E2EE560-06A4-4146-BFD7-441EB5C6658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3B769D-7334-4E23-A3F0-FE7623B1FB4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1970487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ABF7831-B65A-4C9C-809C-70C70259B60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18CD35A-D078-47DC-B0D3-E440A2116AA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5EBD668-7469-45D0-A576-4803931801E7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C469486D-EEB9-4051-AFA1-9EC7C35717C3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1351B6A2-BCF9-40BE-B10D-B6E1EF313665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7F74614D-3712-42AA-AA77-DAA1809C69E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8FAD67-EA96-45FC-A058-223DFFC64DE1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F78F9191-2D76-4280-AFFD-C0E31A32156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C28A7822-C210-4037-A144-82C9A9F7AF7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3B769D-7334-4E23-A3F0-FE7623B1FB4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9815821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CF40107-F818-47A3-B6F7-C00196BD0E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DEC8EF9B-1978-4C32-A31F-7E805EA1762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8FAD67-EA96-45FC-A058-223DFFC64DE1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328CDA3-37FB-480E-99BB-743E24BD417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C64B4F09-2CB0-4F0F-B79F-DD6C903CFB5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3B769D-7334-4E23-A3F0-FE7623B1FB4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2131133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CC84E188-0423-4838-BD28-21A6D921181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8FAD67-EA96-45FC-A058-223DFFC64DE1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3BBEE8F-C2B8-4FF5-BF7A-6039B72484B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EB5A43E-2E80-436A-9A01-E7188901577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3B769D-7334-4E23-A3F0-FE7623B1FB4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4173833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1B900B1-A7A4-419D-940C-E3D25CAA8C3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D080CF8-9A36-4B86-BAD4-51D0FC4AE58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B32745C-F614-44A5-9C36-E0898321227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0A20E54-B02D-4D08-8EB3-1CE63D3CFD9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8FAD67-EA96-45FC-A058-223DFFC64DE1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A3DECAC-5CA4-44F6-8534-0F8BA0DD9D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8AAE77C-AA38-4C6B-AE09-0772F5EF574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3B769D-7334-4E23-A3F0-FE7623B1FB4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4464529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E6B1046-7874-4423-9EE1-450EA6809A3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4484959F-EFA0-4F32-A969-98F690BE6076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EE372295-183C-4654-ACD4-8F1C3B80047D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2FC165C-6C18-4A8B-8A3A-5CD27ACE8BE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8FAD67-EA96-45FC-A058-223DFFC64DE1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2E4E76C-EDA4-4EB9-8CCF-084AEC845DB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19B341F-432F-40B5-9EC4-F64D01ADFA3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3B769D-7334-4E23-A3F0-FE7623B1FB4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87921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863C6D76-162F-4D7A-850F-CCFF034AC27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58E90D8-B49E-4984-A8FC-07258C79FF0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4CA741F-CC75-4703-8F35-D71EEB46B3E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A8FAD67-EA96-45FC-A058-223DFFC64DE1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BD0DBC9-71B5-4566-BBE6-1119EEA5C3C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F9351ED-E467-45D9-9530-3E23B85F2F5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F3B769D-7334-4E23-A3F0-FE7623B1FB4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2912370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slideLayout" Target="../slideLayouts/slideLayout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76200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26" name="Rectangle 425">
            <a:extLst>
              <a:ext uri="{FF2B5EF4-FFF2-40B4-BE49-F238E27FC236}">
                <a16:creationId xmlns:a16="http://schemas.microsoft.com/office/drawing/2014/main" id="{7D291E3B-4105-406F-AF6C-34464E2C4767}"/>
              </a:ext>
            </a:extLst>
          </p:cNvPr>
          <p:cNvSpPr/>
          <p:nvPr/>
        </p:nvSpPr>
        <p:spPr>
          <a:xfrm rot="10800000">
            <a:off x="3861661" y="3585294"/>
            <a:ext cx="4394199" cy="2376381"/>
          </a:xfrm>
          <a:prstGeom prst="rect">
            <a:avLst/>
          </a:prstGeom>
          <a:gradFill>
            <a:gsLst>
              <a:gs pos="0">
                <a:srgbClr val="7030A0">
                  <a:alpha val="0"/>
                </a:srgbClr>
              </a:gs>
              <a:gs pos="14000">
                <a:srgbClr val="7030A0">
                  <a:alpha val="15000"/>
                </a:srgbClr>
              </a:gs>
              <a:gs pos="100000">
                <a:srgbClr val="7030A0">
                  <a:alpha val="0"/>
                </a:srgbClr>
              </a:gs>
            </a:gsLst>
            <a:lin ang="5400000" scaled="1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just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8" name="OTLSHAPE_SL_089d7eb988274527948a1ef4646e8746_BackgroundRectangle">
            <a:extLst>
              <a:ext uri="{FF2B5EF4-FFF2-40B4-BE49-F238E27FC236}">
                <a16:creationId xmlns:a16="http://schemas.microsoft.com/office/drawing/2014/main" id="{42D619D9-7EEF-408A-B01F-CC72B1634F44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3398859"/>
            <a:ext cx="11633200" cy="1609175"/>
          </a:xfrm>
          <a:prstGeom prst="rect">
            <a:avLst/>
          </a:prstGeom>
          <a:solidFill>
            <a:schemeClr val="accent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1" name="OTLSHAPE_SL_a88f145e4d284420a2baa685af085546_BackgroundRectangle">
            <a:extLst>
              <a:ext uri="{FF2B5EF4-FFF2-40B4-BE49-F238E27FC236}">
                <a16:creationId xmlns:a16="http://schemas.microsoft.com/office/drawing/2014/main" id="{CF31E4BA-2DDA-413D-8F6A-6FF6F843A45F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6033855"/>
            <a:ext cx="11633200" cy="554074"/>
          </a:xfrm>
          <a:prstGeom prst="rect">
            <a:avLst/>
          </a:prstGeom>
          <a:solidFill>
            <a:schemeClr val="accent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8" name="OTLSHAPE_SL_ffee1e79b85943a28c39454ea880fda8_BackgroundRectangle">
            <a:extLst>
              <a:ext uri="{FF2B5EF4-FFF2-40B4-BE49-F238E27FC236}">
                <a16:creationId xmlns:a16="http://schemas.microsoft.com/office/drawing/2014/main" id="{CA725516-BF6D-40AC-916D-FE02D0477FFC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5071533"/>
            <a:ext cx="11633200" cy="898821"/>
          </a:xfrm>
          <a:prstGeom prst="rect">
            <a:avLst/>
          </a:prstGeom>
          <a:solidFill>
            <a:srgbClr val="70AD47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31" name="OTLSHAPE_SL_9cf0b9a3b4064869b9ae748fb5efbb51_BackgroundRectangle">
            <a:extLst>
              <a:ext uri="{FF2B5EF4-FFF2-40B4-BE49-F238E27FC236}">
                <a16:creationId xmlns:a16="http://schemas.microsoft.com/office/drawing/2014/main" id="{D42D8BE7-7C53-4B49-B22B-645D6CD9FAF8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2504440"/>
            <a:ext cx="11633200" cy="830919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99" name="OTLSHAPE_TB_00000000000000000000000000000000_ScaleContainer">
            <a:extLst>
              <a:ext uri="{FF2B5EF4-FFF2-40B4-BE49-F238E27FC236}">
                <a16:creationId xmlns:a16="http://schemas.microsoft.com/office/drawing/2014/main" id="{B40E23D8-B899-4E6E-9C06-E5AF1B20B733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293876" y="1920240"/>
            <a:ext cx="10414000" cy="381000"/>
          </a:xfrm>
          <a:prstGeom prst="rect">
            <a:avLst/>
          </a:prstGeom>
          <a:solidFill>
            <a:srgbClr val="40404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" name="OTLSHAPE_SL_9cf0b9a3b4064869b9ae748fb5efbb51_HeaderRectangle">
            <a:extLst>
              <a:ext uri="{FF2B5EF4-FFF2-40B4-BE49-F238E27FC236}">
                <a16:creationId xmlns:a16="http://schemas.microsoft.com/office/drawing/2014/main" id="{25633857-B41D-4336-9D91-9BA5D9D9332B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2504440"/>
            <a:ext cx="1104900" cy="830919"/>
          </a:xfrm>
          <a:prstGeom prst="rect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9" name="OTLSHAPE_SL_089d7eb988274527948a1ef4646e8746_HeaderRectangle">
            <a:extLst>
              <a:ext uri="{FF2B5EF4-FFF2-40B4-BE49-F238E27FC236}">
                <a16:creationId xmlns:a16="http://schemas.microsoft.com/office/drawing/2014/main" id="{153CF6A8-2361-4CFB-AE55-A45CF2328821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3398859"/>
            <a:ext cx="1104900" cy="1609175"/>
          </a:xfrm>
          <a:prstGeom prst="rect">
            <a:avLst/>
          </a:prstGeom>
          <a:solidFill>
            <a:srgbClr val="ED7D3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2" name="OTLSHAPE_SL_a88f145e4d284420a2baa685af085546_HeaderRectangle">
            <a:extLst>
              <a:ext uri="{FF2B5EF4-FFF2-40B4-BE49-F238E27FC236}">
                <a16:creationId xmlns:a16="http://schemas.microsoft.com/office/drawing/2014/main" id="{3E1849CF-8999-43D1-808F-BCD0DBA546F7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6033855"/>
            <a:ext cx="1104900" cy="554074"/>
          </a:xfrm>
          <a:prstGeom prst="rect">
            <a:avLst/>
          </a:prstGeom>
          <a:solidFill>
            <a:srgbClr val="4472C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9" name="OTLSHAPE_SL_ffee1e79b85943a28c39454ea880fda8_HeaderRectangle">
            <a:extLst>
              <a:ext uri="{FF2B5EF4-FFF2-40B4-BE49-F238E27FC236}">
                <a16:creationId xmlns:a16="http://schemas.microsoft.com/office/drawing/2014/main" id="{52A8538F-A6C9-45FD-BE99-03B137BD0D46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5071533"/>
            <a:ext cx="1104900" cy="898821"/>
          </a:xfrm>
          <a:prstGeom prst="rect">
            <a:avLst/>
          </a:prstGeom>
          <a:solidFill>
            <a:srgbClr val="70AD4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44" name="OTLSHAPE_G_00000000000000000000000000000000_ShapeBelow0">
            <a:extLst>
              <a:ext uri="{FF2B5EF4-FFF2-40B4-BE49-F238E27FC236}">
                <a16:creationId xmlns:a16="http://schemas.microsoft.com/office/drawing/2014/main" id="{04DEF928-402E-4B91-BC37-50FEA08D0282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3858872" y="2301240"/>
            <a:ext cx="0" cy="4286689"/>
          </a:xfrm>
          <a:prstGeom prst="line">
            <a:avLst/>
          </a:prstGeom>
          <a:ln w="9525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G_00000000000000000000000000000000_ShapeBelow1">
            <a:extLst>
              <a:ext uri="{FF2B5EF4-FFF2-40B4-BE49-F238E27FC236}">
                <a16:creationId xmlns:a16="http://schemas.microsoft.com/office/drawing/2014/main" id="{28DD4EF5-B90E-4811-8256-E35966D50C34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6452369" y="2301240"/>
            <a:ext cx="0" cy="4286689"/>
          </a:xfrm>
          <a:prstGeom prst="line">
            <a:avLst/>
          </a:prstGeom>
          <a:ln w="9525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G_00000000000000000000000000000000_ShapeBelow2">
            <a:extLst>
              <a:ext uri="{FF2B5EF4-FFF2-40B4-BE49-F238E27FC236}">
                <a16:creationId xmlns:a16="http://schemas.microsoft.com/office/drawing/2014/main" id="{CFD70AC4-4C8C-43A5-9CDF-9982B911EFE9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9074365" y="2301240"/>
            <a:ext cx="0" cy="4286689"/>
          </a:xfrm>
          <a:prstGeom prst="line">
            <a:avLst/>
          </a:prstGeom>
          <a:ln w="9525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3" name="OTLSHAPE_SLT_bf0bab4e98f54763a82568a5d219a5c7_Shape">
            <a:extLst>
              <a:ext uri="{FF2B5EF4-FFF2-40B4-BE49-F238E27FC236}">
                <a16:creationId xmlns:a16="http://schemas.microsoft.com/office/drawing/2014/main" id="{44BD0B0E-DD25-401E-8CAB-AA4946BE7ADE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2063375" y="2834640"/>
            <a:ext cx="17907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9" name="OTLSHAPE_SLT_1f3ecdb523214d1c858ab8fb12392a13_Shape">
            <a:extLst>
              <a:ext uri="{FF2B5EF4-FFF2-40B4-BE49-F238E27FC236}">
                <a16:creationId xmlns:a16="http://schemas.microsoft.com/office/drawing/2014/main" id="{C4E5A75A-BFA2-40E8-B57A-5B4DA777E209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322376" y="2584281"/>
            <a:ext cx="25400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5" name="OTLSHAPE_SLT_840d1906cb104b01bde15bb78e8e323b_Shape">
            <a:extLst>
              <a:ext uri="{FF2B5EF4-FFF2-40B4-BE49-F238E27FC236}">
                <a16:creationId xmlns:a16="http://schemas.microsoft.com/office/drawing/2014/main" id="{3F6D7185-A820-4E62-81AF-0CF94EBC0567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2821711" y="3084999"/>
            <a:ext cx="12192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7" name="OTLSHAPE_SLT_118aa262c9b048e19e0b2ecc51e36c38_Shape">
            <a:extLst>
              <a:ext uri="{FF2B5EF4-FFF2-40B4-BE49-F238E27FC236}">
                <a16:creationId xmlns:a16="http://schemas.microsoft.com/office/drawing/2014/main" id="{B9BD9771-E28E-4290-8D23-C6CDF61C0BA2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3887372" y="3084999"/>
            <a:ext cx="17653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3" name="OTLSHAPE_SLT_8d38abf6434f49b59dc24ae1ee36935e_Shape">
            <a:extLst>
              <a:ext uri="{FF2B5EF4-FFF2-40B4-BE49-F238E27FC236}">
                <a16:creationId xmlns:a16="http://schemas.microsoft.com/office/drawing/2014/main" id="{6A4B5C7F-65B9-4D23-AC88-BCBD0088C6AD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3887372" y="3763518"/>
            <a:ext cx="7620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1" name="OTLSHAPE_SLT_44de9765e7204557b88297f4709b8c30_Shape">
            <a:extLst>
              <a:ext uri="{FF2B5EF4-FFF2-40B4-BE49-F238E27FC236}">
                <a16:creationId xmlns:a16="http://schemas.microsoft.com/office/drawing/2014/main" id="{433490E4-9310-46F6-8AC0-EF7ED9C7C113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2230872" y="3763518"/>
            <a:ext cx="18288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" name="OTLSHAPE_SLT_40c7696c8b3a4b1db83d76730e5d92c2_Shape">
            <a:extLst>
              <a:ext uri="{FF2B5EF4-FFF2-40B4-BE49-F238E27FC236}">
                <a16:creationId xmlns:a16="http://schemas.microsoft.com/office/drawing/2014/main" id="{27A10655-86DB-454C-A98C-87C1246F625A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5739692" y="4340437"/>
            <a:ext cx="17272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5" name="OTLSHAPE_SLT_c7770eb3e434445083ebf0cda53241c7_Shape">
            <a:extLst>
              <a:ext uri="{FF2B5EF4-FFF2-40B4-BE49-F238E27FC236}">
                <a16:creationId xmlns:a16="http://schemas.microsoft.com/office/drawing/2014/main" id="{6727934F-BE75-42DF-A589-49FEB2239D37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3887372" y="4340437"/>
            <a:ext cx="20066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2" name="OTLSHAPE_SLT_f1b03b9fadb246d6b74eef66d2c662d1_Shape">
            <a:extLst>
              <a:ext uri="{FF2B5EF4-FFF2-40B4-BE49-F238E27FC236}">
                <a16:creationId xmlns:a16="http://schemas.microsoft.com/office/drawing/2014/main" id="{2EC68B91-759E-4BE2-92C9-FB12B30AE322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6623369" y="4590796"/>
            <a:ext cx="20066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" name="OTLSHAPE_SLT_71feb0897c2b47d28678366d0661913b_Shape">
            <a:extLst>
              <a:ext uri="{FF2B5EF4-FFF2-40B4-BE49-F238E27FC236}">
                <a16:creationId xmlns:a16="http://schemas.microsoft.com/office/drawing/2014/main" id="{94E1F87A-8F35-4269-8B2D-CEF5B3FBBFA7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2644319" y="5591217"/>
            <a:ext cx="12192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8" name="OTLSHAPE_SLT_a0005013d1434eca8799fe0021a266e0_Shape">
            <a:extLst>
              <a:ext uri="{FF2B5EF4-FFF2-40B4-BE49-F238E27FC236}">
                <a16:creationId xmlns:a16="http://schemas.microsoft.com/office/drawing/2014/main" id="{E2247E53-4EC7-4B8D-A58B-975E6E0F9D47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8237020" y="5591217"/>
            <a:ext cx="14097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1" name="OTLSHAPE_SLT_fa8886b769a54c02817aaba54576e921_Shape">
            <a:extLst>
              <a:ext uri="{FF2B5EF4-FFF2-40B4-BE49-F238E27FC236}">
                <a16:creationId xmlns:a16="http://schemas.microsoft.com/office/drawing/2014/main" id="{4DF28A83-223D-4DB2-9C20-9395520A61BB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3861920" y="5591217"/>
            <a:ext cx="43942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" name="OTLSHAPE_SLT_db841b2dc0b5434e83008cd4d4e540bc_Shape">
            <a:extLst>
              <a:ext uri="{FF2B5EF4-FFF2-40B4-BE49-F238E27FC236}">
                <a16:creationId xmlns:a16="http://schemas.microsoft.com/office/drawing/2014/main" id="{69C173A0-1D8C-4B09-B498-F9DD81C21148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9646641" y="5591217"/>
            <a:ext cx="18669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9" name="OTLSHAPE_SLT_eeb83e503ffe4a72a203fede87f23081_Shape">
            <a:extLst>
              <a:ext uri="{FF2B5EF4-FFF2-40B4-BE49-F238E27FC236}">
                <a16:creationId xmlns:a16="http://schemas.microsoft.com/office/drawing/2014/main" id="{1E0323F6-13B7-4F12-ACA6-43BCE60E0A59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5682870" y="3084999"/>
            <a:ext cx="10922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" name="OTLSHAPE_SLT_c60910096d5a4b6f9de76b63feadcf94_Shape">
            <a:extLst>
              <a:ext uri="{FF2B5EF4-FFF2-40B4-BE49-F238E27FC236}">
                <a16:creationId xmlns:a16="http://schemas.microsoft.com/office/drawing/2014/main" id="{11FA8F44-CE46-4F40-8F67-44C301B05425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7392867" y="4799415"/>
            <a:ext cx="24638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4" name="OTLSHAPE_SLT_79eebf0cc03e4ea08540b80882717e0a_Shape">
            <a:extLst>
              <a:ext uri="{FF2B5EF4-FFF2-40B4-BE49-F238E27FC236}">
                <a16:creationId xmlns:a16="http://schemas.microsoft.com/office/drawing/2014/main" id="{F508A147-1AF0-4C82-885B-94132178295D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6820988" y="3084999"/>
            <a:ext cx="2235200" cy="170519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7" name="OTLSHAPE_SLM_42c1a0ca0ec74680a58bbd3c49f9125b_Shape">
            <a:extLst>
              <a:ext uri="{FF2B5EF4-FFF2-40B4-BE49-F238E27FC236}">
                <a16:creationId xmlns:a16="http://schemas.microsoft.com/office/drawing/2014/main" id="{3E031247-4E58-4E61-866E-B0E218BD82B8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5162117" y="6071955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7" name="OTLSHAPE_SLM_27e0e90c8e61460f88da93ab404fc85d_Shape">
            <a:extLst>
              <a:ext uri="{FF2B5EF4-FFF2-40B4-BE49-F238E27FC236}">
                <a16:creationId xmlns:a16="http://schemas.microsoft.com/office/drawing/2014/main" id="{26FBB560-7269-42B5-921E-DC1B97E7ACAB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11289609" y="6071955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8" name="OTLSHAPE_SLM_05f5e22b071042a1a1dc59615bb4c469_Shape">
            <a:extLst>
              <a:ext uri="{FF2B5EF4-FFF2-40B4-BE49-F238E27FC236}">
                <a16:creationId xmlns:a16="http://schemas.microsoft.com/office/drawing/2014/main" id="{C3B83F96-6495-4ED0-83D4-46835AEE24C6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3765638" y="6071955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1" name="OTLSHAPE_SLM_7695617a14a84c95a269c6cd4b4f335a_Shape">
            <a:extLst>
              <a:ext uri="{FF2B5EF4-FFF2-40B4-BE49-F238E27FC236}">
                <a16:creationId xmlns:a16="http://schemas.microsoft.com/office/drawing/2014/main" id="{3EB7C472-F98C-4D01-BE17-393F9A80606F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11289628" y="6342642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0" name="OTLSHAPE_SLM_0fe6e6c4d349427c81caccf576ba460c_Shape">
            <a:extLst>
              <a:ext uri="{FF2B5EF4-FFF2-40B4-BE49-F238E27FC236}">
                <a16:creationId xmlns:a16="http://schemas.microsoft.com/office/drawing/2014/main" id="{0C69B6C4-A41E-444A-ACF4-051BCE399880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9491716" y="6342642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9" name="OTLSHAPE_SLM_38f7caf9b7404674b5040d0ab204f9f9_Shape">
            <a:extLst>
              <a:ext uri="{FF2B5EF4-FFF2-40B4-BE49-F238E27FC236}">
                <a16:creationId xmlns:a16="http://schemas.microsoft.com/office/drawing/2014/main" id="{0081D20F-5254-4E31-BF72-F35F5B027E1C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7527613" y="6071955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6" name="OTLSHAPE_SLM_5024da5f4d8841748a89544126f9da82_Shape">
            <a:extLst>
              <a:ext uri="{FF2B5EF4-FFF2-40B4-BE49-F238E27FC236}">
                <a16:creationId xmlns:a16="http://schemas.microsoft.com/office/drawing/2014/main" id="{51749EC5-E672-4E9D-AAAE-EFA72C112D2A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9494131" y="6071955"/>
            <a:ext cx="190500" cy="207187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OTLSHAPE_SL_9cf0b9a3b4064869b9ae748fb5efbb51_Header">
            <a:extLst>
              <a:ext uri="{FF2B5EF4-FFF2-40B4-BE49-F238E27FC236}">
                <a16:creationId xmlns:a16="http://schemas.microsoft.com/office/drawing/2014/main" id="{DE487498-AFF0-4E41-8BE2-DC7A6B94BFFA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63500" y="2826872"/>
            <a:ext cx="1104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lanning</a:t>
            </a:r>
          </a:p>
        </p:txBody>
      </p:sp>
      <p:sp>
        <p:nvSpPr>
          <p:cNvPr id="40" name="OTLSHAPE_SL_089d7eb988274527948a1ef4646e8746_Header">
            <a:extLst>
              <a:ext uri="{FF2B5EF4-FFF2-40B4-BE49-F238E27FC236}">
                <a16:creationId xmlns:a16="http://schemas.microsoft.com/office/drawing/2014/main" id="{8483E04F-A955-44C0-851D-07FCE6067C35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63500" y="4110418"/>
            <a:ext cx="1104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rategy</a:t>
            </a:r>
          </a:p>
        </p:txBody>
      </p:sp>
      <p:sp>
        <p:nvSpPr>
          <p:cNvPr id="43" name="OTLSHAPE_SL_a88f145e4d284420a2baa685af085546_Header">
            <a:extLst>
              <a:ext uri="{FF2B5EF4-FFF2-40B4-BE49-F238E27FC236}">
                <a16:creationId xmlns:a16="http://schemas.microsoft.com/office/drawing/2014/main" id="{0BA53E09-3B2F-4340-8A29-0B2767C9A43B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63500" y="6124837"/>
            <a:ext cx="11049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usiness Intelligence</a:t>
            </a:r>
          </a:p>
        </p:txBody>
      </p:sp>
      <p:sp>
        <p:nvSpPr>
          <p:cNvPr id="170" name="OTLSHAPE_SL_ffee1e79b85943a28c39454ea880fda8_Header">
            <a:extLst>
              <a:ext uri="{FF2B5EF4-FFF2-40B4-BE49-F238E27FC236}">
                <a16:creationId xmlns:a16="http://schemas.microsoft.com/office/drawing/2014/main" id="{4AA4FE4A-816B-480F-896C-62882CE3D026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63500" y="5334889"/>
            <a:ext cx="11049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rvice Development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7C46D9AE-762E-4F50-A81D-30E793221C86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357376" y="2009140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D6FFDCBD-8ABA-4274-8A98-CF6EA405B9C8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3922373" y="2009140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AD0F9F2A-EDBF-45B2-904D-984630FC0F10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6515869" y="2009140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01F18C11-A2E5-4455-AFA2-4F4F9E8E6515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9137865" y="2009140"/>
            <a:ext cx="211596" cy="2032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3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</a:t>
            </a:r>
          </a:p>
        </p:txBody>
      </p:sp>
      <p:sp>
        <p:nvSpPr>
          <p:cNvPr id="58" name="OTLSHAPE_SLT_bf0bab4e98f54763a82568a5d219a5c7_TextPercentage">
            <a:extLst>
              <a:ext uri="{FF2B5EF4-FFF2-40B4-BE49-F238E27FC236}">
                <a16:creationId xmlns:a16="http://schemas.microsoft.com/office/drawing/2014/main" id="{6FB95F3A-70D9-47C3-8B75-60CCA002A7A0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3903676" y="2842387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8" normalizeH="0" baseline="0" noProof="0">
                <a:ln>
                  <a:noFill/>
                </a:ln>
                <a:solidFill>
                  <a:srgbClr val="7F6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62" name="OTLSHAPE_SLT_bf0bab4e98f54763a82568a5d219a5c7_Title">
            <a:extLst>
              <a:ext uri="{FF2B5EF4-FFF2-40B4-BE49-F238E27FC236}">
                <a16:creationId xmlns:a16="http://schemas.microsoft.com/office/drawing/2014/main" id="{D33DE106-903A-43B3-9BCC-46D8A09FAB68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2654849" y="2834640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bjectives</a:t>
            </a:r>
          </a:p>
        </p:txBody>
      </p:sp>
      <p:sp>
        <p:nvSpPr>
          <p:cNvPr id="66" name="OTLSHAPE_SLT_1f3ecdb523214d1c858ab8fb12392a13_TextPercentage">
            <a:extLst>
              <a:ext uri="{FF2B5EF4-FFF2-40B4-BE49-F238E27FC236}">
                <a16:creationId xmlns:a16="http://schemas.microsoft.com/office/drawing/2014/main" id="{95D05390-96D4-43B4-8995-0DCFD0023A2E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3904606" y="2592028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8" normalizeH="0" baseline="0" noProof="0">
                <a:ln>
                  <a:noFill/>
                </a:ln>
                <a:solidFill>
                  <a:srgbClr val="7F6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70" name="OTLSHAPE_SLT_1f3ecdb523214d1c858ab8fb12392a13_Title">
            <a:extLst>
              <a:ext uri="{FF2B5EF4-FFF2-40B4-BE49-F238E27FC236}">
                <a16:creationId xmlns:a16="http://schemas.microsoft.com/office/drawing/2014/main" id="{B6C4E4D7-5D80-4DDF-A7D5-7CD9142704E1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2409614" y="2584281"/>
            <a:ext cx="36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Vision</a:t>
            </a:r>
          </a:p>
        </p:txBody>
      </p:sp>
      <p:sp>
        <p:nvSpPr>
          <p:cNvPr id="74" name="OTLSHAPE_SLT_840d1906cb104b01bde15bb78e8e323b_TextPercentage">
            <a:extLst>
              <a:ext uri="{FF2B5EF4-FFF2-40B4-BE49-F238E27FC236}">
                <a16:creationId xmlns:a16="http://schemas.microsoft.com/office/drawing/2014/main" id="{E9EF1CB4-997E-47E5-8898-33FB5AD37261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2485161" y="3092746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8" normalizeH="0" baseline="0" noProof="0" dirty="0">
                <a:ln>
                  <a:noFill/>
                </a:ln>
                <a:solidFill>
                  <a:srgbClr val="7F6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78" name="OTLSHAPE_SLT_840d1906cb104b01bde15bb78e8e323b_Title">
            <a:extLst>
              <a:ext uri="{FF2B5EF4-FFF2-40B4-BE49-F238E27FC236}">
                <a16:creationId xmlns:a16="http://schemas.microsoft.com/office/drawing/2014/main" id="{EB5A3FC4-6D1C-4A2F-B863-767E8FAD1226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3264485" y="3084999"/>
            <a:ext cx="33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Goals</a:t>
            </a:r>
          </a:p>
        </p:txBody>
      </p:sp>
      <p:sp>
        <p:nvSpPr>
          <p:cNvPr id="86" name="OTLSHAPE_SLT_118aa262c9b048e19e0b2ecc51e36c38_Title">
            <a:extLst>
              <a:ext uri="{FF2B5EF4-FFF2-40B4-BE49-F238E27FC236}">
                <a16:creationId xmlns:a16="http://schemas.microsoft.com/office/drawing/2014/main" id="{95A36823-4A27-4FF5-9B83-7E3935F99F3F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4321131" y="3084999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rategic Intent</a:t>
            </a:r>
          </a:p>
        </p:txBody>
      </p:sp>
      <p:sp>
        <p:nvSpPr>
          <p:cNvPr id="94" name="OTLSHAPE_SLT_8d38abf6434f49b59dc24ae1ee36935e_Title">
            <a:extLst>
              <a:ext uri="{FF2B5EF4-FFF2-40B4-BE49-F238E27FC236}">
                <a16:creationId xmlns:a16="http://schemas.microsoft.com/office/drawing/2014/main" id="{5E0F45DE-6C51-473A-A176-2DA5501D10AA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4086968" y="3763518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WOT</a:t>
            </a:r>
          </a:p>
        </p:txBody>
      </p:sp>
      <p:sp>
        <p:nvSpPr>
          <p:cNvPr id="102" name="OTLSHAPE_SLT_44de9765e7204557b88297f4709b8c30_Title">
            <a:extLst>
              <a:ext uri="{FF2B5EF4-FFF2-40B4-BE49-F238E27FC236}">
                <a16:creationId xmlns:a16="http://schemas.microsoft.com/office/drawing/2014/main" id="{06172D32-2BF6-4F71-9191-5BDAC00943FE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2679217" y="3763518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ket Analysis</a:t>
            </a:r>
          </a:p>
        </p:txBody>
      </p:sp>
      <p:sp>
        <p:nvSpPr>
          <p:cNvPr id="110" name="OTLSHAPE_SLT_40c7696c8b3a4b1db83d76730e5d92c2_Title">
            <a:extLst>
              <a:ext uri="{FF2B5EF4-FFF2-40B4-BE49-F238E27FC236}">
                <a16:creationId xmlns:a16="http://schemas.microsoft.com/office/drawing/2014/main" id="{3D8B4A21-2B1D-44C1-B19A-37D7637ADF7E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6181613" y="4340437"/>
            <a:ext cx="85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ice Research</a:t>
            </a:r>
          </a:p>
        </p:txBody>
      </p:sp>
      <p:sp>
        <p:nvSpPr>
          <p:cNvPr id="118" name="OTLSHAPE_SLT_c7770eb3e434445083ebf0cda53241c7_Title">
            <a:extLst>
              <a:ext uri="{FF2B5EF4-FFF2-40B4-BE49-F238E27FC236}">
                <a16:creationId xmlns:a16="http://schemas.microsoft.com/office/drawing/2014/main" id="{ACC55A22-7FE5-4E19-875D-834FE426C7BB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4430688" y="4340437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usiness Model</a:t>
            </a:r>
          </a:p>
        </p:txBody>
      </p:sp>
      <p:sp>
        <p:nvSpPr>
          <p:cNvPr id="126" name="OTLSHAPE_SLT_f1b03b9fadb246d6b74eef66d2c662d1_Title">
            <a:extLst>
              <a:ext uri="{FF2B5EF4-FFF2-40B4-BE49-F238E27FC236}">
                <a16:creationId xmlns:a16="http://schemas.microsoft.com/office/drawing/2014/main" id="{04205986-E688-49F6-AE74-C603CBF66E3B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7317581" y="4590796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bjectives</a:t>
            </a:r>
          </a:p>
        </p:txBody>
      </p:sp>
      <p:sp>
        <p:nvSpPr>
          <p:cNvPr id="230" name="OTLSHAPE_SLT_71feb0897c2b47d28678366d0661913b_Duration">
            <a:extLst>
              <a:ext uri="{FF2B5EF4-FFF2-40B4-BE49-F238E27FC236}">
                <a16:creationId xmlns:a16="http://schemas.microsoft.com/office/drawing/2014/main" id="{FBBF37CC-4FF7-40AA-9E58-C3EC7F926AB2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2644319" y="5436193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8" normalizeH="0" baseline="0" noProof="0" dirty="0">
                <a:ln>
                  <a:noFill/>
                </a:ln>
                <a:solidFill>
                  <a:srgbClr val="38572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 wks</a:t>
            </a:r>
          </a:p>
        </p:txBody>
      </p:sp>
      <p:sp>
        <p:nvSpPr>
          <p:cNvPr id="231" name="OTLSHAPE_SLT_71feb0897c2b47d28678366d0661913b_TextPercentage">
            <a:extLst>
              <a:ext uri="{FF2B5EF4-FFF2-40B4-BE49-F238E27FC236}">
                <a16:creationId xmlns:a16="http://schemas.microsoft.com/office/drawing/2014/main" id="{47A8F3BE-29A9-474F-9052-E0434ADDDDC9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2372158" y="559896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10" normalizeH="0" baseline="0" noProof="0" dirty="0">
                <a:ln>
                  <a:noFill/>
                </a:ln>
                <a:solidFill>
                  <a:srgbClr val="38572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75%</a:t>
            </a:r>
          </a:p>
        </p:txBody>
      </p:sp>
      <p:sp>
        <p:nvSpPr>
          <p:cNvPr id="234" name="OTLSHAPE_SLT_71feb0897c2b47d28678366d0661913b_Title">
            <a:extLst>
              <a:ext uri="{FF2B5EF4-FFF2-40B4-BE49-F238E27FC236}">
                <a16:creationId xmlns:a16="http://schemas.microsoft.com/office/drawing/2014/main" id="{22759531-18F0-496E-9723-1F48B7EBF23E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2644319" y="5761736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roduct Roadmap</a:t>
            </a:r>
          </a:p>
        </p:txBody>
      </p:sp>
      <p:sp>
        <p:nvSpPr>
          <p:cNvPr id="328" name="OTLSHAPE_SLT_a0005013d1434eca8799fe0021a266e0_Title">
            <a:extLst>
              <a:ext uri="{FF2B5EF4-FFF2-40B4-BE49-F238E27FC236}">
                <a16:creationId xmlns:a16="http://schemas.microsoft.com/office/drawing/2014/main" id="{6F0F5497-361D-4B23-942A-360B0C4DB0FD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8237020" y="5761736"/>
            <a:ext cx="15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C</a:t>
            </a:r>
          </a:p>
        </p:txBody>
      </p:sp>
      <p:sp>
        <p:nvSpPr>
          <p:cNvPr id="331" name="OTLSHAPE_SLT_fa8886b769a54c02817aaba54576e921_Duration">
            <a:extLst>
              <a:ext uri="{FF2B5EF4-FFF2-40B4-BE49-F238E27FC236}">
                <a16:creationId xmlns:a16="http://schemas.microsoft.com/office/drawing/2014/main" id="{EEEA758B-592E-4D0E-8A85-E3FA55FF8446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3861920" y="5436193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8" normalizeH="0" baseline="0" noProof="0">
                <a:ln>
                  <a:noFill/>
                </a:ln>
                <a:solidFill>
                  <a:srgbClr val="385723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2 wks</a:t>
            </a:r>
          </a:p>
        </p:txBody>
      </p:sp>
      <p:sp>
        <p:nvSpPr>
          <p:cNvPr id="336" name="OTLSHAPE_SLT_fa8886b769a54c02817aaba54576e921_Title">
            <a:extLst>
              <a:ext uri="{FF2B5EF4-FFF2-40B4-BE49-F238E27FC236}">
                <a16:creationId xmlns:a16="http://schemas.microsoft.com/office/drawing/2014/main" id="{85F25F0A-9D88-41CF-9A28-34C4D92C4EF6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3861920" y="5761736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velopment</a:t>
            </a:r>
          </a:p>
        </p:txBody>
      </p:sp>
      <p:sp>
        <p:nvSpPr>
          <p:cNvPr id="344" name="OTLSHAPE_SLT_db841b2dc0b5434e83008cd4d4e540bc_Title">
            <a:extLst>
              <a:ext uri="{FF2B5EF4-FFF2-40B4-BE49-F238E27FC236}">
                <a16:creationId xmlns:a16="http://schemas.microsoft.com/office/drawing/2014/main" id="{2F6FD2AA-D69A-474B-B83D-C915A7601AF0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9646641" y="5761736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lease to Web</a:t>
            </a:r>
          </a:p>
        </p:txBody>
      </p:sp>
      <p:sp>
        <p:nvSpPr>
          <p:cNvPr id="423" name="OTLSHAPE_SLM_42c1a0ca0ec74680a58bbd3c49f9125b_Title">
            <a:extLst>
              <a:ext uri="{FF2B5EF4-FFF2-40B4-BE49-F238E27FC236}">
                <a16:creationId xmlns:a16="http://schemas.microsoft.com/office/drawing/2014/main" id="{4EE9EA0D-5201-46CC-B0D6-40D688DB10F8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4218761" y="6090289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uality Metrics</a:t>
            </a:r>
          </a:p>
        </p:txBody>
      </p:sp>
      <p:sp>
        <p:nvSpPr>
          <p:cNvPr id="47" name="OTLSHAPE_SLT_eeb83e503ffe4a72a203fede87f23081_Title">
            <a:extLst>
              <a:ext uri="{FF2B5EF4-FFF2-40B4-BE49-F238E27FC236}">
                <a16:creationId xmlns:a16="http://schemas.microsoft.com/office/drawing/2014/main" id="{5C3C1A00-4A67-4EC8-9B65-09B16092A828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5855499" y="3084999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Sales Budget</a:t>
            </a:r>
          </a:p>
        </p:txBody>
      </p:sp>
      <p:sp>
        <p:nvSpPr>
          <p:cNvPr id="55" name="OTLSHAPE_SLT_c60910096d5a4b6f9de76b63feadcf94_Title">
            <a:extLst>
              <a:ext uri="{FF2B5EF4-FFF2-40B4-BE49-F238E27FC236}">
                <a16:creationId xmlns:a16="http://schemas.microsoft.com/office/drawing/2014/main" id="{B8C970B6-834A-4AC6-B7A2-7F9DC3D79D11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8012492" y="4799415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Sales Trends Analysis</a:t>
            </a:r>
          </a:p>
        </p:txBody>
      </p:sp>
      <p:sp>
        <p:nvSpPr>
          <p:cNvPr id="20" name="OTLSHAPE_SLM_27e0e90c8e61460f88da93ab404fc85d_Title">
            <a:extLst>
              <a:ext uri="{FF2B5EF4-FFF2-40B4-BE49-F238E27FC236}">
                <a16:creationId xmlns:a16="http://schemas.microsoft.com/office/drawing/2014/main" id="{C8268058-B11E-4266-85CE-52F363B6CEF8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0282244" y="6090289"/>
            <a:ext cx="96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Sales Dashboard</a:t>
            </a:r>
          </a:p>
        </p:txBody>
      </p:sp>
      <p:sp>
        <p:nvSpPr>
          <p:cNvPr id="242" name="OTLSHAPE_SLM_05f5e22b071042a1a1dc59615bb4c469_Title">
            <a:extLst>
              <a:ext uri="{FF2B5EF4-FFF2-40B4-BE49-F238E27FC236}">
                <a16:creationId xmlns:a16="http://schemas.microsoft.com/office/drawing/2014/main" id="{C0D891C2-6AFE-44B5-8F2B-96A1CD9D471C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2828844" y="6090289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ervice Metrics</a:t>
            </a:r>
          </a:p>
        </p:txBody>
      </p:sp>
      <p:sp>
        <p:nvSpPr>
          <p:cNvPr id="245" name="OTLSHAPE_SLM_7695617a14a84c95a269c6cd4b4f335a_Title">
            <a:extLst>
              <a:ext uri="{FF2B5EF4-FFF2-40B4-BE49-F238E27FC236}">
                <a16:creationId xmlns:a16="http://schemas.microsoft.com/office/drawing/2014/main" id="{B2004A4C-7FE5-48FC-A265-62D2885689C6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0078895" y="6360976"/>
            <a:ext cx="116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Real-time Reporting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48" name="OTLSHAPE_SLM_0fe6e6c4d349427c81caccf576ba460c_Title">
            <a:extLst>
              <a:ext uri="{FF2B5EF4-FFF2-40B4-BE49-F238E27FC236}">
                <a16:creationId xmlns:a16="http://schemas.microsoft.com/office/drawing/2014/main" id="{F50F22C2-2295-4629-9FAF-72064396443B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8326110" y="6360976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Conversion Metrics</a:t>
            </a:r>
          </a:p>
        </p:txBody>
      </p:sp>
      <p:sp>
        <p:nvSpPr>
          <p:cNvPr id="251" name="OTLSHAPE_SLM_38f7caf9b7404674b5040d0ab204f9f9_Title">
            <a:extLst>
              <a:ext uri="{FF2B5EF4-FFF2-40B4-BE49-F238E27FC236}">
                <a16:creationId xmlns:a16="http://schemas.microsoft.com/office/drawing/2014/main" id="{AA30C1BA-D2E2-4707-BC1C-760B9C41C6D9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6399176" y="6090289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>
                <a:solidFill>
                  <a:schemeClr val="dk1"/>
                </a:solidFill>
                <a:latin typeface="Calibri" panose="020F0502020204030204" pitchFamily="34" charset="0"/>
              </a:rPr>
              <a:t>Service Dashboard</a:t>
            </a:r>
          </a:p>
        </p:txBody>
      </p:sp>
      <p:sp>
        <p:nvSpPr>
          <p:cNvPr id="50" name="OTLSHAPE_SLM_5024da5f4d8841748a89544126f9da82_Title">
            <a:extLst>
              <a:ext uri="{FF2B5EF4-FFF2-40B4-BE49-F238E27FC236}">
                <a16:creationId xmlns:a16="http://schemas.microsoft.com/office/drawing/2014/main" id="{A786A5BA-BB21-4183-967C-96ED32AAD77A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8327382" y="6090289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Real-time Analytics</a:t>
            </a:r>
          </a:p>
        </p:txBody>
      </p:sp>
      <p:sp>
        <p:nvSpPr>
          <p:cNvPr id="500" name="OTLSHAPE_SLT_79eebf0cc03e4ea08540b80882717e0a_Title">
            <a:extLst>
              <a:ext uri="{FF2B5EF4-FFF2-40B4-BE49-F238E27FC236}">
                <a16:creationId xmlns:a16="http://schemas.microsoft.com/office/drawing/2014/main" id="{BDA12ECE-FFFB-4F67-84C6-03165493E4FC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7346500" y="3084999"/>
            <a:ext cx="1193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Beta + Release Plans</a:t>
            </a:r>
          </a:p>
        </p:txBody>
      </p:sp>
      <p:cxnSp>
        <p:nvCxnSpPr>
          <p:cNvPr id="401" name="OTLSHAPE_TB_00000000000000000000000000000000_Separator1">
            <a:extLst>
              <a:ext uri="{FF2B5EF4-FFF2-40B4-BE49-F238E27FC236}">
                <a16:creationId xmlns:a16="http://schemas.microsoft.com/office/drawing/2014/main" id="{EFF250CC-0807-44FD-A6E3-DF65A374E1D0}"/>
              </a:ext>
            </a:extLst>
          </p:cNvPr>
          <p:cNvCxnSpPr/>
          <p:nvPr>
            <p:custDataLst>
              <p:tags r:id="rId74"/>
            </p:custDataLst>
          </p:nvPr>
        </p:nvCxnSpPr>
        <p:spPr>
          <a:xfrm>
            <a:off x="3858872" y="200914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2" name="OTLSHAPE_TB_00000000000000000000000000000000_Separator2">
            <a:extLst>
              <a:ext uri="{FF2B5EF4-FFF2-40B4-BE49-F238E27FC236}">
                <a16:creationId xmlns:a16="http://schemas.microsoft.com/office/drawing/2014/main" id="{7177E166-5FD2-4461-A27E-9D228701EEC7}"/>
              </a:ext>
            </a:extLst>
          </p:cNvPr>
          <p:cNvCxnSpPr/>
          <p:nvPr>
            <p:custDataLst>
              <p:tags r:id="rId75"/>
            </p:custDataLst>
          </p:nvPr>
        </p:nvCxnSpPr>
        <p:spPr>
          <a:xfrm>
            <a:off x="6452369" y="200914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3" name="OTLSHAPE_TB_00000000000000000000000000000000_Separator3">
            <a:extLst>
              <a:ext uri="{FF2B5EF4-FFF2-40B4-BE49-F238E27FC236}">
                <a16:creationId xmlns:a16="http://schemas.microsoft.com/office/drawing/2014/main" id="{2FAAE1BE-551C-4F35-A2FA-C7B15464874A}"/>
              </a:ext>
            </a:extLst>
          </p:cNvPr>
          <p:cNvCxnSpPr/>
          <p:nvPr>
            <p:custDataLst>
              <p:tags r:id="rId76"/>
            </p:custDataLst>
          </p:nvPr>
        </p:nvCxnSpPr>
        <p:spPr>
          <a:xfrm>
            <a:off x="9074365" y="200914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54" name="OTLSHAPE_M_ad52e739797946d7bd463b006c06394d_Shape">
            <a:extLst>
              <a:ext uri="{FF2B5EF4-FFF2-40B4-BE49-F238E27FC236}">
                <a16:creationId xmlns:a16="http://schemas.microsoft.com/office/drawing/2014/main" id="{9F099775-87FE-4D93-AF37-E240D5765B0D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3744553" y="1729740"/>
            <a:ext cx="228600" cy="254000"/>
          </a:xfrm>
          <a:prstGeom prst="flowChartManualOperation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5" name="OTLSHAPE_M_4a076ebd25c146989ebf5900a5b4447e_Shape">
            <a:extLst>
              <a:ext uri="{FF2B5EF4-FFF2-40B4-BE49-F238E27FC236}">
                <a16:creationId xmlns:a16="http://schemas.microsoft.com/office/drawing/2014/main" id="{A0897136-47F9-4312-80A9-EB5B3AD26F7B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6452069" y="1729740"/>
            <a:ext cx="228600" cy="254000"/>
          </a:xfrm>
          <a:prstGeom prst="flowChartManualOperation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6" name="OTLSHAPE_M_db4393fafb20429da7667ad39271af50_Shape">
            <a:extLst>
              <a:ext uri="{FF2B5EF4-FFF2-40B4-BE49-F238E27FC236}">
                <a16:creationId xmlns:a16="http://schemas.microsoft.com/office/drawing/2014/main" id="{6E59FB29-E022-4225-831B-1BF545F1F193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8874546" y="1729740"/>
            <a:ext cx="228600" cy="254000"/>
          </a:xfrm>
          <a:prstGeom prst="flowChartManualOperation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7" name="OTLSHAPE_M_d13f186547184bbb84e3129eee9c4279_Shape">
            <a:extLst>
              <a:ext uri="{FF2B5EF4-FFF2-40B4-BE49-F238E27FC236}">
                <a16:creationId xmlns:a16="http://schemas.microsoft.com/office/drawing/2014/main" id="{D30EF0F2-D44A-4AF4-A21C-F1CCBF7B9302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11268542" y="1729740"/>
            <a:ext cx="228600" cy="254000"/>
          </a:xfrm>
          <a:prstGeom prst="flowChartManualOperation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8" name="OTLSHAPE_SLA_966ac8e38d974bfeae23890a126b2a79_Shape">
            <a:extLst>
              <a:ext uri="{FF2B5EF4-FFF2-40B4-BE49-F238E27FC236}">
                <a16:creationId xmlns:a16="http://schemas.microsoft.com/office/drawing/2014/main" id="{5A1442AC-F663-44CE-82BB-0707CCFFFA72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>
            <a:off x="1635556" y="2542540"/>
            <a:ext cx="228600" cy="254000"/>
          </a:xfrm>
          <a:prstGeom prst="star8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9" name="OTLSHAPE_SLA_3999f18e2c61454cadfd7ea463d2536b_Shape">
            <a:extLst>
              <a:ext uri="{FF2B5EF4-FFF2-40B4-BE49-F238E27FC236}">
                <a16:creationId xmlns:a16="http://schemas.microsoft.com/office/drawing/2014/main" id="{CD8B6689-75E2-4E7F-8818-A6C50BCD32BB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3744553" y="3043259"/>
            <a:ext cx="228600" cy="254000"/>
          </a:xfrm>
          <a:prstGeom prst="star8">
            <a:avLst/>
          </a:prstGeom>
          <a:solidFill>
            <a:srgbClr val="7F6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0" name="OTLSHAPE_SLA_0723a534b8b04d848ad49d960b833b9c_Shape">
            <a:extLst>
              <a:ext uri="{FF2B5EF4-FFF2-40B4-BE49-F238E27FC236}">
                <a16:creationId xmlns:a16="http://schemas.microsoft.com/office/drawing/2014/main" id="{38BC869A-E1F1-4410-B7C5-36793AE70031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3744553" y="3721777"/>
            <a:ext cx="228600" cy="254000"/>
          </a:xfrm>
          <a:prstGeom prst="star8">
            <a:avLst/>
          </a:prstGeom>
          <a:solidFill>
            <a:srgbClr val="843C0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1" name="OTLSHAPE_SLA_5f22e295269f42e9b1ce98b4118ab3d0_Shape">
            <a:extLst>
              <a:ext uri="{FF2B5EF4-FFF2-40B4-BE49-F238E27FC236}">
                <a16:creationId xmlns:a16="http://schemas.microsoft.com/office/drawing/2014/main" id="{5162A6B5-7786-4AAC-A404-16EE937875CB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5682550" y="4298696"/>
            <a:ext cx="228600" cy="254000"/>
          </a:xfrm>
          <a:prstGeom prst="star8">
            <a:avLst/>
          </a:prstGeom>
          <a:solidFill>
            <a:srgbClr val="843C0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2" name="OTLSHAPE_SLA_8ed28b9183de4588a46ed4323066c28f_Shape">
            <a:extLst>
              <a:ext uri="{FF2B5EF4-FFF2-40B4-BE49-F238E27FC236}">
                <a16:creationId xmlns:a16="http://schemas.microsoft.com/office/drawing/2014/main" id="{8EAD4AF7-1785-4DBF-B1E5-98D7AEF60C90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7136048" y="4298696"/>
            <a:ext cx="228600" cy="254000"/>
          </a:xfrm>
          <a:prstGeom prst="star8">
            <a:avLst/>
          </a:prstGeom>
          <a:solidFill>
            <a:srgbClr val="843C0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3" name="OTLSHAPE_SLA_3ef8107866514941904e61ada6b41143_Shape">
            <a:extLst>
              <a:ext uri="{FF2B5EF4-FFF2-40B4-BE49-F238E27FC236}">
                <a16:creationId xmlns:a16="http://schemas.microsoft.com/office/drawing/2014/main" id="{916705E9-C5FD-4635-8987-1D025080A108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>
            <a:off x="5141071" y="5549477"/>
            <a:ext cx="228600" cy="254000"/>
          </a:xfrm>
          <a:prstGeom prst="star8">
            <a:avLst/>
          </a:prstGeom>
          <a:solidFill>
            <a:srgbClr val="385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4" name="OTLSHAPE_SLA_73609d6e8c64405eaf9a111900945daa_Shape">
            <a:extLst>
              <a:ext uri="{FF2B5EF4-FFF2-40B4-BE49-F238E27FC236}">
                <a16:creationId xmlns:a16="http://schemas.microsoft.com/office/drawing/2014/main" id="{C182E4C3-308C-42EF-9910-FA0AF630DB8A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>
            <a:off x="6338049" y="5549477"/>
            <a:ext cx="228600" cy="254000"/>
          </a:xfrm>
          <a:prstGeom prst="star8">
            <a:avLst/>
          </a:prstGeom>
          <a:solidFill>
            <a:srgbClr val="385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5" name="OTLSHAPE_SLA_642753ce33624524bda7e4ee109a5f9d_Shape">
            <a:extLst>
              <a:ext uri="{FF2B5EF4-FFF2-40B4-BE49-F238E27FC236}">
                <a16:creationId xmlns:a16="http://schemas.microsoft.com/office/drawing/2014/main" id="{54E01418-7436-4BC3-8FE0-C805D894AF68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>
            <a:off x="7506547" y="5549477"/>
            <a:ext cx="228600" cy="254000"/>
          </a:xfrm>
          <a:prstGeom prst="star8">
            <a:avLst/>
          </a:prstGeom>
          <a:solidFill>
            <a:srgbClr val="385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6" name="OTLSHAPE_SLA_cdec049039d04838ba13a617fc9cdecd_Shape">
            <a:extLst>
              <a:ext uri="{FF2B5EF4-FFF2-40B4-BE49-F238E27FC236}">
                <a16:creationId xmlns:a16="http://schemas.microsoft.com/office/drawing/2014/main" id="{E70549FC-736C-4318-B5BD-F95E44BEE707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10271044" y="5549477"/>
            <a:ext cx="228600" cy="254000"/>
          </a:xfrm>
          <a:prstGeom prst="star8">
            <a:avLst/>
          </a:prstGeom>
          <a:solidFill>
            <a:srgbClr val="385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7" name="OTLSHAPE_SLA_ef594de3bf094f1cb93f9e7d12ee469b_Shape">
            <a:extLst>
              <a:ext uri="{FF2B5EF4-FFF2-40B4-BE49-F238E27FC236}">
                <a16:creationId xmlns:a16="http://schemas.microsoft.com/office/drawing/2014/main" id="{69CDFD71-8CE5-4803-A6C6-B82EE0C09ACB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11268542" y="5549477"/>
            <a:ext cx="228600" cy="254000"/>
          </a:xfrm>
          <a:prstGeom prst="star8">
            <a:avLst/>
          </a:prstGeom>
          <a:solidFill>
            <a:srgbClr val="385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M_db4393fafb20429da7667ad39271af50_Title">
            <a:extLst>
              <a:ext uri="{FF2B5EF4-FFF2-40B4-BE49-F238E27FC236}">
                <a16:creationId xmlns:a16="http://schemas.microsoft.com/office/drawing/2014/main" id="{EFDD6F16-A662-4663-96CD-4159120252E3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8673187" y="1533821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3 Review</a:t>
            </a:r>
          </a:p>
        </p:txBody>
      </p:sp>
      <p:sp>
        <p:nvSpPr>
          <p:cNvPr id="29" name="OTLSHAPE_M_ad52e739797946d7bd463b006c06394d_Title">
            <a:extLst>
              <a:ext uri="{FF2B5EF4-FFF2-40B4-BE49-F238E27FC236}">
                <a16:creationId xmlns:a16="http://schemas.microsoft.com/office/drawing/2014/main" id="{21839672-264B-4DB4-A884-9A8E74029E54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3543194" y="1533821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1 Review</a:t>
            </a:r>
          </a:p>
        </p:txBody>
      </p:sp>
      <p:sp>
        <p:nvSpPr>
          <p:cNvPr id="133" name="OTLSHAPE_M_4a076ebd25c146989ebf5900a5b4447e_Title">
            <a:extLst>
              <a:ext uri="{FF2B5EF4-FFF2-40B4-BE49-F238E27FC236}">
                <a16:creationId xmlns:a16="http://schemas.microsoft.com/office/drawing/2014/main" id="{30974211-CF09-4AFF-B4E3-B5C84228A7D6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6250710" y="1533821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2 Review</a:t>
            </a:r>
          </a:p>
        </p:txBody>
      </p:sp>
      <p:sp>
        <p:nvSpPr>
          <p:cNvPr id="145" name="OTLSHAPE_M_d13f186547184bbb84e3129eee9c4279_Title">
            <a:extLst>
              <a:ext uri="{FF2B5EF4-FFF2-40B4-BE49-F238E27FC236}">
                <a16:creationId xmlns:a16="http://schemas.microsoft.com/office/drawing/2014/main" id="{57D2FEF3-51F5-42C6-AA2A-9B6E82C7FBD0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1067184" y="1533821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Q4 Review</a:t>
            </a:r>
          </a:p>
        </p:txBody>
      </p:sp>
      <p:sp>
        <p:nvSpPr>
          <p:cNvPr id="4" name="OTLSHAPE_SLA_3ef8107866514941904e61ada6b41143_Title">
            <a:extLst>
              <a:ext uri="{FF2B5EF4-FFF2-40B4-BE49-F238E27FC236}">
                <a16:creationId xmlns:a16="http://schemas.microsoft.com/office/drawing/2014/main" id="{68D454F9-C030-4C2B-BC95-C22B559F9D90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5080090" y="5198533"/>
            <a:ext cx="34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Alpha</a:t>
            </a:r>
          </a:p>
        </p:txBody>
      </p:sp>
      <p:sp>
        <p:nvSpPr>
          <p:cNvPr id="5" name="OTLSHAPE_SLA_3ef8107866514941904e61ada6b41143_Date">
            <a:extLst>
              <a:ext uri="{FF2B5EF4-FFF2-40B4-BE49-F238E27FC236}">
                <a16:creationId xmlns:a16="http://schemas.microsoft.com/office/drawing/2014/main" id="{77AB7A28-2485-416C-B16E-677DDB2010D3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5058013" y="536905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May 20</a:t>
            </a:r>
            <a:endParaRPr lang="en-US" sz="1000" spc="-8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" name="OTLSHAPE_SLA_73609d6e8c64405eaf9a111900945daa_Title">
            <a:extLst>
              <a:ext uri="{FF2B5EF4-FFF2-40B4-BE49-F238E27FC236}">
                <a16:creationId xmlns:a16="http://schemas.microsoft.com/office/drawing/2014/main" id="{E0388804-B39E-4D01-A988-FCA37FA98785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6094823" y="5198533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Private Beta</a:t>
            </a:r>
          </a:p>
        </p:txBody>
      </p:sp>
      <p:sp>
        <p:nvSpPr>
          <p:cNvPr id="14" name="OTLSHAPE_SLA_73609d6e8c64405eaf9a111900945daa_Date">
            <a:extLst>
              <a:ext uri="{FF2B5EF4-FFF2-40B4-BE49-F238E27FC236}">
                <a16:creationId xmlns:a16="http://schemas.microsoft.com/office/drawing/2014/main" id="{0994BA00-B51E-421F-B93E-9AF67596B788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6280285" y="5369052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n 30</a:t>
            </a:r>
          </a:p>
        </p:txBody>
      </p:sp>
      <p:sp>
        <p:nvSpPr>
          <p:cNvPr id="16" name="OTLSHAPE_SLA_642753ce33624524bda7e4ee109a5f9d_Title">
            <a:extLst>
              <a:ext uri="{FF2B5EF4-FFF2-40B4-BE49-F238E27FC236}">
                <a16:creationId xmlns:a16="http://schemas.microsoft.com/office/drawing/2014/main" id="{6F10B65D-5764-49B9-950F-A10C76280A2F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7291177" y="5198533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ublic Beta</a:t>
            </a:r>
          </a:p>
        </p:txBody>
      </p:sp>
      <p:sp>
        <p:nvSpPr>
          <p:cNvPr id="17" name="OTLSHAPE_SLA_642753ce33624524bda7e4ee109a5f9d_Date">
            <a:extLst>
              <a:ext uri="{FF2B5EF4-FFF2-40B4-BE49-F238E27FC236}">
                <a16:creationId xmlns:a16="http://schemas.microsoft.com/office/drawing/2014/main" id="{B67F9491-B93D-4511-A424-C196CA6CC8BC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7435766" y="5369052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Aug 10</a:t>
            </a:r>
          </a:p>
        </p:txBody>
      </p:sp>
      <p:sp>
        <p:nvSpPr>
          <p:cNvPr id="28" name="OTLSHAPE_SLA_cdec049039d04838ba13a617fc9cdecd_Title">
            <a:extLst>
              <a:ext uri="{FF2B5EF4-FFF2-40B4-BE49-F238E27FC236}">
                <a16:creationId xmlns:a16="http://schemas.microsoft.com/office/drawing/2014/main" id="{895B45F5-6147-4ADD-A775-2D360C24F9AC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0167073" y="5198533"/>
            <a:ext cx="43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taging</a:t>
            </a:r>
          </a:p>
        </p:txBody>
      </p:sp>
      <p:sp>
        <p:nvSpPr>
          <p:cNvPr id="31" name="OTLSHAPE_SLA_cdec049039d04838ba13a617fc9cdecd_Date">
            <a:extLst>
              <a:ext uri="{FF2B5EF4-FFF2-40B4-BE49-F238E27FC236}">
                <a16:creationId xmlns:a16="http://schemas.microsoft.com/office/drawing/2014/main" id="{3D3D490C-40CE-46DC-98B2-3D9F5E420B60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0197363" y="5369052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Nov 15</a:t>
            </a:r>
            <a:endParaRPr lang="en-US" sz="1000" spc="-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" name="OTLSHAPE_SLA_ef594de3bf094f1cb93f9e7d12ee469b_Title">
            <a:extLst>
              <a:ext uri="{FF2B5EF4-FFF2-40B4-BE49-F238E27FC236}">
                <a16:creationId xmlns:a16="http://schemas.microsoft.com/office/drawing/2014/main" id="{331AFCBD-1759-4D40-AB33-5706077DDF93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1141648" y="5198533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Go Live!</a:t>
            </a:r>
          </a:p>
        </p:txBody>
      </p:sp>
      <p:sp>
        <p:nvSpPr>
          <p:cNvPr id="34" name="OTLSHAPE_SLA_ef594de3bf094f1cb93f9e7d12ee469b_Date">
            <a:extLst>
              <a:ext uri="{FF2B5EF4-FFF2-40B4-BE49-F238E27FC236}">
                <a16:creationId xmlns:a16="http://schemas.microsoft.com/office/drawing/2014/main" id="{2E2435DC-C11F-4FF5-9872-B01A67AAA5D4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1200216" y="5369052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Dec 20</a:t>
            </a:r>
            <a:endParaRPr lang="en-US" sz="1000" spc="-6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SLA_0723a534b8b04d848ad49d960b833b9c_Title">
            <a:extLst>
              <a:ext uri="{FF2B5EF4-FFF2-40B4-BE49-F238E27FC236}">
                <a16:creationId xmlns:a16="http://schemas.microsoft.com/office/drawing/2014/main" id="{72D121A0-C10F-4E33-ADC6-72F6C42E6E34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3296200" y="3525859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Competitor Review</a:t>
            </a:r>
          </a:p>
        </p:txBody>
      </p:sp>
      <p:sp>
        <p:nvSpPr>
          <p:cNvPr id="112" name="OTLSHAPE_SLA_5f22e295269f42e9b1ce98b4118ab3d0_Title">
            <a:extLst>
              <a:ext uri="{FF2B5EF4-FFF2-40B4-BE49-F238E27FC236}">
                <a16:creationId xmlns:a16="http://schemas.microsoft.com/office/drawing/2014/main" id="{F22A7DE6-5961-4E40-9DA3-AF230A190F74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5152008" y="4102777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Price List (Hypothesis)</a:t>
            </a:r>
          </a:p>
        </p:txBody>
      </p:sp>
      <p:sp>
        <p:nvSpPr>
          <p:cNvPr id="130" name="OTLSHAPE_SLA_8ed28b9183de4588a46ed4323066c28f_Title">
            <a:extLst>
              <a:ext uri="{FF2B5EF4-FFF2-40B4-BE49-F238E27FC236}">
                <a16:creationId xmlns:a16="http://schemas.microsoft.com/office/drawing/2014/main" id="{39DE9BC3-51BC-4E42-BAF0-DDE1E5EF11FC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6832602" y="4102777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Final Price List</a:t>
            </a:r>
          </a:p>
        </p:txBody>
      </p:sp>
      <p:sp>
        <p:nvSpPr>
          <p:cNvPr id="111" name="TextBox 110">
            <a:extLst>
              <a:ext uri="{FF2B5EF4-FFF2-40B4-BE49-F238E27FC236}">
                <a16:creationId xmlns:a16="http://schemas.microsoft.com/office/drawing/2014/main" id="{8E5897FD-80FD-4AE7-8FCC-AF4DCF429CE8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409875" y="337819"/>
            <a:ext cx="587041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>
              <a:defRPr/>
            </a:pPr>
            <a:r>
              <a:rPr lang="en-US" sz="3600" dirty="0">
                <a:solidFill>
                  <a:prstClr val="black"/>
                </a:solidFill>
                <a:latin typeface="Calibri Light" panose="020F0302020204030204"/>
              </a:rPr>
              <a:t>Basic Swimlane Diagram</a:t>
            </a:r>
          </a:p>
        </p:txBody>
      </p:sp>
      <p:sp>
        <p:nvSpPr>
          <p:cNvPr id="113" name="TextBox 112">
            <a:extLst>
              <a:ext uri="{FF2B5EF4-FFF2-40B4-BE49-F238E27FC236}">
                <a16:creationId xmlns:a16="http://schemas.microsoft.com/office/drawing/2014/main" id="{B577BE11-F97C-4381-B688-564623BC6DEA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409875" y="912454"/>
            <a:ext cx="4794334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>
              <a:defRPr/>
            </a:pPr>
            <a:r>
              <a:rPr lang="en-US" sz="2000" dirty="0">
                <a:solidFill>
                  <a:prstClr val="black">
                    <a:lumMod val="65000"/>
                    <a:lumOff val="35000"/>
                  </a:prstClr>
                </a:solidFill>
                <a:latin typeface="Calibri Light" panose="020F0302020204030204"/>
              </a:rPr>
              <a:t>Business Planning BI Dashboard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8368785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zMiIsIlRvcCI6MC4wLCJMZWZ0IjowLjAsIlJpZ2h0IjowLjAsIkJvdHRvbSI6MC4wfSwiUGFkZGluZyI6eyIkaWQiOiIzMyIsIlRvcCI6MC4wLCJMZWZ0IjowLjAsIlJpZ2h0IjowLjAsIkJvdHRvbSI6MC4wfSwiQmFja2dyb3VuZCI6eyIkaWQiOiIzNCIsIkNvbG9yIjp7IiRyZWYiOiIyNiJ9fSwiSXNWaXNpYmxlIjpmYWxzZSwiV2lkdGgiOjAuMCwiSGVpZ2h0IjowLjAsIkJvcmRlclN0eWxlIjp7IiRpZCI6IjM1IiwiTGluZUNvbG9yIjpudWxsLCJMaW5lV2VpZ2h0IjowLjAsIkxpbmVUeXBlIjowLCJQYXJlbnRTdHlsZSI6bnVsbH0sIlBhcmVudFN0eWxlIjpudWxsfSwiRGF0ZUZvcm1hdCI6eyIkaWQiOiIz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3NyIsIlRvcCI6MC4wLCJMZWZ0IjowLjAsIlJpZ2h0IjowLjAsIkJvdHRvbSI6MC4wfSwiUGFkZGluZyI6eyIkaWQiOiI3OCIsIlRvcCI6MC4wLCJMZWZ0IjowLjAsIlJpZ2h0IjowLjAsIkJvdHRvbSI6MC4wfSwiQmFja2dyb3VuZCI6eyIkaWQiOiI3OSIsIkNvbG9yIjp7IiRyZWYiOiI0OSJ9fSwiSXNWaXNpYmxlIjp0cnVlLCJXaWR0aCI6MC4wLCJIZWlnaHQiOjAuMCwiQm9yZGVyU3R5bGUiOnsiJGlkIjoiODAiLCJMaW5lQ29sb3IiOm51bGwsIkxpbmVXZWlnaHQiOjAuMCwiTGluZVR5cGUiOjAsIlBhcmVudFN0eWxlIjpudWxsfSwiUGFyZW50U3R5bGUiOm51bGx9LCJEY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4NSIsIlRvcCI6MC4wLCJMZWZ0IjowLjAsIlJpZ2h0IjowLjAsIkJvdHRvbSI6MC4wfSwiUGFkZGluZyI6eyIkaWQiOiI4NiIsIlRvcCI6MC4wLCJMZWZ0IjowLjAsIlJpZ2h0IjowLjAsIkJvdHRvbSI6MC4wfSwiQmFja2dyb3VuZCI6eyIkaWQiOiI4NyIsIkNvbG9yIjp7IiRyZWYiOiI0OSJ9fSwiSXNWaXNpYmxlIjp0cnVlLCJXaWR0aCI6MC4wLCJIZWlnaHQiOjAuMCwiQm9yZGVyU3R5bGUiOnsiJGlkIjoiODgiLCJMaW5lQ29sb3IiOm51bGwsIkxpbmVXZWlnaHQiOjAuMCwiTGluZVR5cGUiOjAsIlBhcmVudFN0eWxlIjpudWxsfSwiUGFyZW50U3R5bGUiOm51bGx9LCJEYXRlRm9ybWF0Ijp7IiRpZCI6Ijg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ODA2IiwiVG9wIjowLjAsIkxlZnQiOjAuMCwiUmlnaHQiOjAuMCwiQm90dG9tIjowLjB9LCJQYWRkaW5nIjp7IiRpZCI6IjgwNyIsIlRvcCI6MC4wLCJMZWZ0IjowLjAsIlJpZ2h0IjowLjAsIkJvdHRvbSI6MC4wfSwiQmFja2dyb3VuZCI6eyIkcmVmIjoiMzQifSwiSXNWaXNpYmxlIjp0cnVlLCJXaWR0aCI6MC4wLCJIZWlnaHQiOjAuMCwiQm9yZGVyU3R5bGUiOnsiJGlkIjoiODA4IiwiTGluZUNvbG9yIjpudWxsLCJMaW5lV2VpZ2h0IjowLjAsIkxpbmVUeXBlIjowLCJQYXJlbnRTdHlsZSI6bnVsbH0sIlBhcmVudFN0eWxlIjpudWxsfSwiRGF0ZUZvcm1hdCI6eyIkaWQiOiI4MD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ODA2In0sIlBhZGRpbmciOnsiJHJlZiI6IjgwNyJ9LCJCYWNrZ3JvdW5kIjp7IiRyZWYiOiIzNCJ9LCJJc1Zpc2libGUiOnRydWUsIldpZHRoIjowLjAsIkhlaWdodCI6MC4wLCJCb3JkZXJTdHlsZSI6eyIkaWQiOiI4MzMiLCJMaW5lQ29sb3IiOm51bGwsIkxpbmVXZWlnaHQiOjAuMCwiTGluZVR5cGUiOjAsIlBhcmVudFN0eWxlIjpudWxsfSwiUGFyZW50U3R5bGUiOm51bGx9LCJEYXRlRm9ybWF0Ijp7IiRpZCI6IjgzN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ODA2In0sIlBhZGRpbmciOnsiJHJlZiI6IjgwNyJ9LCJCYWNrZ3JvdW5kIjp7IiRyZWYiOiIzNCJ9LCJJc1Zpc2libGUiOnRydWUsIldpZHRoIjowLjAsIkhlaWdodCI6MC4wLCJCb3JkZXJTdHlsZSI6eyIkaWQiOiI4NTgiLCJMaW5lQ29sb3IiOm51bGwsIkxpbmVXZWlnaHQiOjAuMCwiTGluZVR5cGUiOjAsIlBhcmVudFN0eWxlIjpudWxsfSwiUGFyZW50U3R5bGUiOm51bGx9LCJEYXRlRm9ybWF0Ijp7IiRpZCI6Ijg1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ODA2In0sIlBhZGRpbmciOnsiJHJlZiI6IjgwNyJ9LCJCYWNrZ3JvdW5kIjp7IiRyZWYiOiIzNCJ9LCJJc1Zpc2libGUiOnRydWUsIldpZHRoIjowLjAsIkhlaWdodCI6MC4wLCJCb3JkZXJTdHlsZSI6eyIkaWQiOiI5NDQiLCJMaW5lQ29sb3IiOm51bGwsIkxpbmVXZWlnaHQiOjAuMCwiTGluZVR5cGUiOjAsIlBhcmVudFN0eWxlIjpudWxsfSwiUGFyZW50U3R5bGUiOm51bGx9LCJEYXRlRm9ybWF0Ijp7IiRpZCI6Ijk0N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ODA2In0sIlBhZGRpbmciOnsiJHJlZiI6IjgwNyJ9LCJCYWNrZ3JvdW5kIjp7IiRyZWYiOiIzNCJ9LCJJc1Zpc2libGUiOnRydWUsIldpZHRoIjowLjAsIkhlaWdodCI6MC4wLCJCb3JkZXJTdHlsZSI6eyIkaWQiOiI5NjkiLCJMaW5lQ29sb3IiOm51bGwsIkxpbmVXZWlnaHQiOjAuMCwiTGluZVR5cGUiOjAsIlBhcmVudFN0eWxlIjpudWxsfSwiUGFyZW50U3R5bGUiOm51bGx9LCJEYXRlRm9ybWF0Ijp7IiRpZCI6Ijk3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MTQ4MSIsIkltcGFPcHRpb25zIjp7IiRpZCI6IjE0ODI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NDgzIiwiVXNlVGltZSI6ZmFsc2UsIldvcmtEYXlTdGFydCI6IjAwOjAwOjAwIiwiV29ya0RheUVuZCI6IjIzOjU5OjAwIn0sIkxhc3RVc2VkVGVtcGxhdGVJZCI6IjgyYTc3NjA2LWI2NGEtNDg1ZC1hZjQxLTFhZTM3OGM5YTVkNCIsIkZpcnN0V2Vla09mWWVhciI6MCwiUGxhY2VNaWxlc3RvbmVBdFRoZUJlZ2lubmluZ09mVGhlRGF5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28T00:00:00.0000000Z"/>
  <p:tag name="OTLENDDATE" val="2019-03-31T18:57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1-02T00:00:00.0000000Z"/>
  <p:tag name="OTLENDDATE" val="2019-03-31T19:4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2-23T14:36:00.0000000"/>
  <p:tag name="OTLENDDATE" val="2019-04-07T00:24:00.0000000"/>
  <p:tag name="OTLPERCENTAGE" val="1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02T00:00:00.0000000Z"/>
  <p:tag name="OTLENDDATE" val="2019-06-02T13:00:00.0000000"/>
  <p:tag name="OTLPERCENTAGE" val="75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02T00:00:00.0000000Z"/>
  <p:tag name="OTLENDDATE" val="2019-04-28T07:18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2-02T21:03:00.0000000"/>
  <p:tag name="OTLENDDATE" val="2019-04-07T20:59:00.0000000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6-05T23:51:00.0000000"/>
  <p:tag name="OTLENDDATE" val="2019-08-05T12:55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02T00:00:00.0000000Z"/>
  <p:tag name="OTLENDDATE" val="2019-06-10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7-07T00:00:00.0000000Z"/>
  <p:tag name="OTLENDDATE" val="2019-09-14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2-17T09:13:00.0000000"/>
  <p:tag name="OTLENDDATE" val="2019-03-31T20:01:00.0000000"/>
  <p:tag name="OTLPERCENTAGE" val="75"/>
  <p:tag name="OTLDURATIONFORMAT" val="wk"/>
  <p:tag name="OTLSPACING" val="3"/>
  <p:tag name="OTLSHAPETHICKNESSTYPE" val="Custom"/>
  <p:tag name="OTLWEEKNUMBERINGFORMAT" val="WNFormat1"/>
  <p:tag name="OTLWEEKNUMBERINGISVISIBLE" val="False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9-01T14:52:00.0000000"/>
  <p:tag name="OTLENDDATE" val="2019-10-21T01:51:00.0000000"/>
  <p:tag name="OTLDURATIONFORMAT" val="wk"/>
  <p:tag name="OTLSPACING" val="3"/>
  <p:tag name="OTLSHAPETHICKNESSTYPE" val="Custom"/>
  <p:tag name="OTLWEEKNUMBERINGFORMAT" val="WNFormat1"/>
  <p:tag name="OTLWEEKNUMBERINGISVISIBLE" val="False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4-01T02:34:00.0000000"/>
  <p:tag name="OTLENDDATE" val="2019-09-01T22:08:00.0000000"/>
  <p:tag name="OTLDURATIONFORMAT" val="wk"/>
  <p:tag name="OTLSPACING" val="3"/>
  <p:tag name="OTLSHAPETHICKNESSTYPE" val="Custom"/>
  <p:tag name="OTLWEEKNUMBERINGFORMAT" val="WNFormat1"/>
  <p:tag name="OTLWEEKNUMBERINGISVISIBLE" val="False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10-21T01:55:00.0000000"/>
  <p:tag name="OTLENDDATE" val="2019-12-25T03:44:00.0000000"/>
  <p:tag name="OTLDURATIONFORMAT" val="day"/>
  <p:tag name="OTLSPACING" val="3"/>
  <p:tag name="OTLSHAPETHICKNESSTYPE" val="Custom"/>
  <p:tag name="OTLWEEKNUMBERINGFORMAT" val="WNFormat1"/>
  <p:tag name="OTLWEEKNUMBERINGISVISIBLE" val="False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6-04T00:00:00.0000000Z"/>
  <p:tag name="OTLENDDATE" val="2019-07-11T23:58:00.0000000Z"/>
  <p:tag name="OTLPERCENTAGE" val="75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8-03T00:00:00.0000000Z"/>
  <p:tag name="OTLENDDATE" val="2019-10-28T05:38:00.0000000Z"/>
  <p:tag name="OTLPERCENTAGE" val="75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7-13T22:25:00.0000000"/>
  <p:tag name="OTLENDDATE" val="2019-09-30T07:36:00.0000000Z"/>
  <p:tag name="OTLPERCENTAGE" val="75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uality Metrics"/>
  <p:tag name="OTLDATE" val="2019-05-19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ales Dashboard"/>
  <p:tag name="OTLDATE" val="2019-12-20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rvice Metrics"/>
  <p:tag name="OTLDATE" val="2019-04-01T00:00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al-time Reporting"/>
  <p:tag name="OTLDATE" val="2019-12-21T00:00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nversion Metrics"/>
  <p:tag name="OTLDATE" val="2019-10-18T21:58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rvice Dashboard"/>
  <p:tag name="OTLDATE" val="2019-08-10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al-time Analytics"/>
  <p:tag name="OTLDATE" val="2019-10-19T00:00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7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0-03-22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Quarters"/>
  <p:tag name="OTLTIMEBANDSHAPETYPE" val="RectangleTimeband"/>
  <p:tag name="OTLTIMEBANDSHAPEHEIGHT" val="30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1 Review"/>
  <p:tag name="OTLDATE" val="2019-03-31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2 Review"/>
  <p:tag name="OTLDATE" val="2019-07-05T00:00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3 Review"/>
  <p:tag name="OTLDATE" val="2019-09-27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/MMM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Q4 Review"/>
  <p:tag name="OTLDATE" val="2019-12-20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Kickoff Meeting"/>
  <p:tag name="OTLDATE" val="2019-01-16T23:59:00.0000000Z"/>
  <p:tag name="OTLPOSITIONONTASK" val="Center"/>
  <p:tag name="OTLRELATEDTASKID" val="1f3ecdb5-2321-4d1c-858a-b8fb12392a13"/>
  <p:tag name="OTLWEEKNUMBERINGFORMAT" val="WNFormat1"/>
  <p:tag name="OTLWEEKNUMBERINGISVISIBLE" val="False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KPIs Defined"/>
  <p:tag name="OTLDATE" val="2019-03-31T23:59:00.0000000"/>
  <p:tag name="OTLPOSITIONONTASK" val="Center"/>
  <p:tag name="OTLRELATEDTASKID" val="840d1906-cb10-4b01-bde1-5bb78e8e323b"/>
  <p:tag name="OTLWEEKNUMBERINGFORMAT" val="WNFormat1"/>
  <p:tag name="OTLWEEKNUMBERINGISVISIBLE" val="False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mpetitor Review"/>
  <p:tag name="OTLDATE" val="2019-03-31T23:59:00.0000000Z"/>
  <p:tag name="OTLPOSITIONONTASK" val="Center"/>
  <p:tag name="OTLRELATEDTASKID" val="44de9765-e720-4557-b882-97f4709b8c30"/>
  <p:tag name="OTLWEEKNUMBERINGFORMAT" val="WNFormat1"/>
  <p:tag name="OTLWEEKNUMBERINGISVISIBLE" val="False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ice List (Hypothesis)"/>
  <p:tag name="OTLDATE" val="2019-06-07T23:59:00.0000000Z"/>
  <p:tag name="OTLPOSITIONONTASK" val="Center"/>
  <p:tag name="OTLRELATEDTASKID" val="c7770eb3-e434-4450-83eb-f0cda53241c7"/>
  <p:tag name="OTLWEEKNUMBERINGFORMAT" val="WNFormat1"/>
  <p:tag name="OTLWEEKNUMBERINGISVISIBLE" val="False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nal Price List"/>
  <p:tag name="OTLDATE" val="2019-07-28T23:59:00.0000000Z"/>
  <p:tag name="OTLPOSITIONONTASK" val="Center"/>
  <p:tag name="OTLRELATEDTASKID" val="40c7696c-8b3a-4b1d-b83d-76730e5d92c2"/>
  <p:tag name="OTLWEEKNUMBERINGFORMAT" val="WNFormat1"/>
  <p:tag name="OTLWEEKNUMBERINGISVISIBLE" val="False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lpha"/>
  <p:tag name="OTLDATE" val="2019-05-20T00:00:00.0000000Z"/>
  <p:tag name="OTLPOSITIONONTASK" val="Center"/>
  <p:tag name="OTLRELATEDTASKID" val="fa8886b7-69a5-4c02-817a-aba54576e921"/>
  <p:tag name="OTLWEEKNUMBERINGFORMAT" val="WNFormat1"/>
  <p:tag name="OTLWEEKNUMBERINGISVISIBLE" val="False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ivate Beta"/>
  <p:tag name="OTLDATE" val="2019-06-30T23:59:00.0000000Z"/>
  <p:tag name="OTLPOSITIONONTASK" val="Center"/>
  <p:tag name="OTLRELATEDTASKID" val="fa8886b7-69a5-4c02-817a-aba54576e921"/>
  <p:tag name="OTLWEEKNUMBERINGFORMAT" val="WNFormat1"/>
  <p:tag name="OTLWEEKNUMBERINGISVISIBLE" val="False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blic Beta"/>
  <p:tag name="OTLDATE" val="2019-08-10T23:59:00.0000000Z"/>
  <p:tag name="OTLPOSITIONONTASK" val="Center"/>
  <p:tag name="OTLRELATEDTASKID" val="fa8886b7-69a5-4c02-817a-aba54576e921"/>
  <p:tag name="OTLWEEKNUMBERINGFORMAT" val="WNFormat1"/>
  <p:tag name="OTLWEEKNUMBERINGISVISIBLE" val="False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aging"/>
  <p:tag name="OTLDATE" val="2019-11-15T23:59:00.0000000Z"/>
  <p:tag name="OTLPOSITIONONTASK" val="Center"/>
  <p:tag name="OTLRELATEDTASKID" val="db841b2d-c0b5-434e-8300-8cd4d4e540bc"/>
  <p:tag name="OTLWEEKNUMBERINGFORMAT" val="WNFormat1"/>
  <p:tag name="OTLWEEKNUMBERINGISVISIBLE" val="False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Go Live!"/>
  <p:tag name="OTLDATE" val="2019-12-20T23:59:00.0000000Z"/>
  <p:tag name="OTLPOSITIONONTASK" val="Center"/>
  <p:tag name="OTLRELATEDTASKID" val="db841b2d-c0b5-434e-8300-8cd4d4e540bc"/>
  <p:tag name="OTLWEEKNUMBERINGFORMAT" val="WNFormat1"/>
  <p:tag name="OTLWEEKNUMBERINGISVISIBLE" val="False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09</Words>
  <Application>Microsoft Office PowerPoint</Application>
  <PresentationFormat>Widescreen</PresentationFormat>
  <Paragraphs>65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0-11-11T20:07:53Z</dcterms:created>
  <dcterms:modified xsi:type="dcterms:W3CDTF">2022-06-28T13:41:31Z</dcterms:modified>
</cp:coreProperties>
</file>